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53222"/>
  <mc:AlternateContent xmlns:mc="http://schemas.openxmlformats.org/markup-compatibility/2006">
    <mc:Choice Requires="x15">
      <x15ac:absPath xmlns:x15ac="http://schemas.microsoft.com/office/spreadsheetml/2010/11/ac" url="\\kfs01\s2101\調達課\group\005調達第二\平成31年度\13_随意契約による物品購入状況の公表\02_公表作業\31_3Q\03_エクセル\02 貼付用\"/>
    </mc:Choice>
  </mc:AlternateContent>
  <bookViews>
    <workbookView xWindow="0" yWindow="0" windowWidth="19200" windowHeight="7310"/>
  </bookViews>
  <sheets>
    <sheet name="公表用" sheetId="7" r:id="rId1"/>
  </sheets>
  <definedNames>
    <definedName name="_xlnm._FilterDatabase" localSheetId="0" hidden="1">公表用!$A$1:$I$27</definedName>
    <definedName name="_xlnm.Print_Area" localSheetId="0">公表用!$A$1:$I$27</definedName>
    <definedName name="_xlnm.Print_Titles" localSheetId="0">公表用!$1:$1</definedName>
  </definedNames>
  <calcPr calcId="152511"/>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165" uniqueCount="100">
  <si>
    <t>年度</t>
    <rPh sb="0" eb="2">
      <t>ネンド</t>
    </rPh>
    <phoneticPr fontId="4"/>
  </si>
  <si>
    <t>所属名</t>
    <rPh sb="0" eb="2">
      <t>ショゾク</t>
    </rPh>
    <rPh sb="2" eb="3">
      <t>メイ</t>
    </rPh>
    <phoneticPr fontId="4"/>
  </si>
  <si>
    <t>支出負担
行為番号</t>
    <rPh sb="0" eb="2">
      <t>シシュツ</t>
    </rPh>
    <rPh sb="2" eb="4">
      <t>フタン</t>
    </rPh>
    <rPh sb="5" eb="7">
      <t>コウイ</t>
    </rPh>
    <rPh sb="7" eb="9">
      <t>バンゴウ</t>
    </rPh>
    <phoneticPr fontId="4"/>
  </si>
  <si>
    <t>件名</t>
    <rPh sb="0" eb="2">
      <t>ケンメイ</t>
    </rPh>
    <phoneticPr fontId="4"/>
  </si>
  <si>
    <t>契約金額</t>
    <rPh sb="0" eb="2">
      <t>ケイヤク</t>
    </rPh>
    <rPh sb="2" eb="4">
      <t>キンガク</t>
    </rPh>
    <phoneticPr fontId="4"/>
  </si>
  <si>
    <t>契約相手方</t>
    <rPh sb="0" eb="2">
      <t>ケイヤク</t>
    </rPh>
    <rPh sb="2" eb="4">
      <t>アイテ</t>
    </rPh>
    <rPh sb="4" eb="5">
      <t>カタ</t>
    </rPh>
    <phoneticPr fontId="4"/>
  </si>
  <si>
    <t>法人番号</t>
  </si>
  <si>
    <t>決裁日</t>
    <rPh sb="0" eb="2">
      <t>ケッサイ</t>
    </rPh>
    <rPh sb="2" eb="3">
      <t>ビ</t>
    </rPh>
    <phoneticPr fontId="4"/>
  </si>
  <si>
    <t>スポーツ局</t>
  </si>
  <si>
    <t>総務室</t>
  </si>
  <si>
    <t>383777</t>
  </si>
  <si>
    <t>（総務室）複写機用再生紙について＜第2四半期　９月分＞</t>
  </si>
  <si>
    <t>桔梗屋紙商事（株）　代表取締役　早瀬　照洋</t>
  </si>
  <si>
    <t>5020001128924</t>
  </si>
  <si>
    <t>468043</t>
  </si>
  <si>
    <t>複写機用再生紙について＜第2四半期　10月分＞</t>
  </si>
  <si>
    <t>532616</t>
  </si>
  <si>
    <t>複写機用再生紙について＜第３四半期　11月分＞</t>
  </si>
  <si>
    <t>スポーツ課</t>
  </si>
  <si>
    <t>359801</t>
  </si>
  <si>
    <t>（スポーツ課）ラグビーワールドカップ公式Ｔシャツの購入</t>
  </si>
  <si>
    <t>（株）カンタベリーオブニュージーランドジャパン　代表取締役社長　森本　邦夫</t>
  </si>
  <si>
    <t>2010601027819</t>
  </si>
  <si>
    <t>366719</t>
  </si>
  <si>
    <t>（スポーツ課）紙製リストバンドの購入</t>
  </si>
  <si>
    <t>（株）アイエンス　代表取締役　佐藤　哲男</t>
  </si>
  <si>
    <t>7021001022396</t>
  </si>
  <si>
    <t>366187</t>
  </si>
  <si>
    <t>（スポーツ課）大判カラープリンター用紙の購入</t>
  </si>
  <si>
    <t>（株）トシダ　代表取締役　土志田　仁</t>
  </si>
  <si>
    <t>5020001015536</t>
  </si>
  <si>
    <t>382194</t>
  </si>
  <si>
    <t>（スポーツ課）競技用ラインテープの購入</t>
  </si>
  <si>
    <t>（株）テイエムスポーツ　代表取締役　内田　隆久</t>
  </si>
  <si>
    <t>8020001002218</t>
  </si>
  <si>
    <t>382318</t>
  </si>
  <si>
    <t>（スポーツ課）消耗品の購入</t>
  </si>
  <si>
    <t>（株）ねずらむ　代表取締役　阿久津　晄</t>
  </si>
  <si>
    <t>7020001024114</t>
  </si>
  <si>
    <t>427654</t>
  </si>
  <si>
    <t>（スポーツ課）ビニール袋の購入</t>
  </si>
  <si>
    <t>（株）城北商会　代表取締役社長　宮本　里美</t>
  </si>
  <si>
    <t>7011501006767</t>
  </si>
  <si>
    <t>445648</t>
  </si>
  <si>
    <t>「パラスポーツトライアル2019inかながわ」における使用する消耗品の購入</t>
  </si>
  <si>
    <t>465435</t>
  </si>
  <si>
    <t>令和元年度神奈川県体育功労賞表彰式及び令和元年度神奈川県スポーツ優秀選手賞副賞の購入</t>
  </si>
  <si>
    <t>（株）金原　代表取締役　金原　正和</t>
  </si>
  <si>
    <t>1020001009756</t>
  </si>
  <si>
    <t>487389</t>
  </si>
  <si>
    <t>神奈川県体育功労者表彰及び神奈川県スポーツ優秀選手表彰に係る表彰式消耗品（手提げ袋）</t>
  </si>
  <si>
    <t>525828</t>
  </si>
  <si>
    <t>令和元年度神奈川県体育功労者表彰及び令和元年度神奈川県スポーツ優秀選手表彰に係る表彰式吊り看板用布の作製・設置</t>
  </si>
  <si>
    <t>（有）ケイケイスタジオ　代表取締役　八巻　哲史</t>
  </si>
  <si>
    <t>5020002042323</t>
  </si>
  <si>
    <t>560368</t>
  </si>
  <si>
    <t>不織布アイマスクの購入</t>
  </si>
  <si>
    <t>579043</t>
  </si>
  <si>
    <t>キーパースティックの購入について</t>
  </si>
  <si>
    <t>（株）ユーロスポルト　代表取締役　鈴木　翔也</t>
  </si>
  <si>
    <t>5011701019637</t>
  </si>
  <si>
    <t>582276</t>
  </si>
  <si>
    <t>令和元年度神奈川県体育功労者表彰及び令和元年度神奈川県スポーツ優秀選手表彰に係る表彰式用生花</t>
  </si>
  <si>
    <t>㈲フローリスト　デュアイ　代表取締役　是永　尚子</t>
  </si>
  <si>
    <t>7020002044755</t>
  </si>
  <si>
    <t>オリンピック・パラリンピック課</t>
  </si>
  <si>
    <t>430180</t>
  </si>
  <si>
    <t>（オリパラ課）エコイレパネほかの購入</t>
  </si>
  <si>
    <t>（株）有隣堂　代表取締役　松信　裕</t>
  </si>
  <si>
    <t>2020001029308</t>
  </si>
  <si>
    <t>462259</t>
  </si>
  <si>
    <t>缶バッジパンチカッター</t>
  </si>
  <si>
    <t>（株）ベック　代表取締役　ベック　ジョナサン</t>
  </si>
  <si>
    <t>6200001026761</t>
  </si>
  <si>
    <t>518490</t>
  </si>
  <si>
    <t>（オリパラ課）ピンバッジの購入</t>
  </si>
  <si>
    <t>㈱デザインアンドデベロップメント　代表取締役社長　大久保　雄一</t>
  </si>
  <si>
    <t>9050001021528</t>
  </si>
  <si>
    <t>531483</t>
  </si>
  <si>
    <t>（オリパラ課）棚ほかの購入</t>
  </si>
  <si>
    <t>568251</t>
  </si>
  <si>
    <t>（オリパラ課）丸いすほかの購入</t>
  </si>
  <si>
    <t>ゴールデン文具（株）　代表取締役　平出　晴久</t>
  </si>
  <si>
    <t>5020001026500</t>
  </si>
  <si>
    <t>セーリング課</t>
  </si>
  <si>
    <t>422916</t>
  </si>
  <si>
    <t>(セーリング課)賞状用紙ほかの購入</t>
  </si>
  <si>
    <t>441899</t>
  </si>
  <si>
    <t>(セーリング課)寄せ書き用無地旗ほかの購入</t>
  </si>
  <si>
    <t>500474</t>
  </si>
  <si>
    <t>(セーリング課)缶バッジパーツの購入</t>
  </si>
  <si>
    <t>534007</t>
  </si>
  <si>
    <t>(セーリング課)液晶モニターほかの購入</t>
  </si>
  <si>
    <t>（株）山下商店　代表取締役　山下　孝</t>
  </si>
  <si>
    <t>1020001013915</t>
  </si>
  <si>
    <t>541603</t>
  </si>
  <si>
    <t>(セーリング課)知事とセーリング選手の対談に係る協力への謝礼品</t>
  </si>
  <si>
    <t/>
  </si>
  <si>
    <t>局名</t>
    <phoneticPr fontId="4"/>
  </si>
  <si>
    <t>セーリング課　前渡金受領職員</t>
    <phoneticPr fontId="3"/>
  </si>
</sst>
</file>

<file path=xl/styles.xml><?xml version="1.0" encoding="utf-8"?>
<styleSheet xmlns="http://schemas.openxmlformats.org/spreadsheetml/2006/main" xmlns:mc="http://schemas.openxmlformats.org/markup-compatibility/2006" xmlns:x14ac="http://schemas.microsoft.com/office/spreadsheetml/2009/9/ac" mc:Ignorable="x14ac">
  <numFmts count="2">
    <numFmt numFmtId="176" formatCode="[$-411]ggge&quot;年度&quot;"/>
    <numFmt numFmtId="177" formatCode="#,##0_ "/>
  </numFmts>
  <fonts count="5" x14ac:knownFonts="1">
    <font>
      <sz val="12"/>
      <color theme="1"/>
      <name val="ＭＳ 明朝"/>
      <family val="2"/>
      <charset val="128"/>
    </font>
    <font>
      <sz val="11"/>
      <name val="ＭＳ Ｐゴシック"/>
      <family val="3"/>
      <charset val="128"/>
    </font>
    <font>
      <sz val="10"/>
      <name val="ＭＳ ゴシック"/>
      <family val="3"/>
      <charset val="128"/>
    </font>
    <font>
      <sz val="6"/>
      <name val="ＭＳ 明朝"/>
      <family val="2"/>
      <charset val="128"/>
    </font>
    <font>
      <sz val="6"/>
      <name val="ＭＳ Ｐゴシック"/>
      <family val="3"/>
      <charset val="128"/>
    </font>
  </fonts>
  <fills count="3">
    <fill>
      <patternFill patternType="none"/>
    </fill>
    <fill>
      <patternFill patternType="gray125"/>
    </fill>
    <fill>
      <patternFill patternType="solid">
        <fgColor indexed="42"/>
        <bgColor indexed="64"/>
      </patternFill>
    </fill>
  </fills>
  <borders count="2">
    <border>
      <left/>
      <right/>
      <top/>
      <bottom/>
      <diagonal/>
    </border>
    <border>
      <left style="thin">
        <color indexed="64"/>
      </left>
      <right style="thin">
        <color indexed="64"/>
      </right>
      <top style="thin">
        <color indexed="64"/>
      </top>
      <bottom style="thin">
        <color indexed="64"/>
      </bottom>
      <diagonal/>
    </border>
  </borders>
  <cellStyleXfs count="2">
    <xf numFmtId="0" fontId="0" fillId="0" borderId="0">
      <alignment vertical="center"/>
    </xf>
    <xf numFmtId="0" fontId="1" fillId="0" borderId="0">
      <alignment vertical="center"/>
    </xf>
  </cellStyleXfs>
  <cellXfs count="9">
    <xf numFmtId="0" fontId="0" fillId="0" borderId="0" xfId="0">
      <alignment vertical="center"/>
    </xf>
    <xf numFmtId="0" fontId="2" fillId="2" borderId="1" xfId="1" applyFont="1" applyFill="1" applyBorder="1" applyAlignment="1" applyProtection="1">
      <alignment horizontal="center" vertical="center"/>
      <protection locked="0"/>
    </xf>
    <xf numFmtId="0" fontId="2" fillId="2" borderId="1" xfId="1" applyFont="1" applyFill="1" applyBorder="1" applyAlignment="1" applyProtection="1">
      <alignment horizontal="center" vertical="center" wrapText="1"/>
      <protection locked="0"/>
    </xf>
    <xf numFmtId="0" fontId="2" fillId="0" borderId="0" xfId="1" applyFont="1" applyProtection="1">
      <alignment vertical="center"/>
      <protection locked="0"/>
    </xf>
    <xf numFmtId="176" fontId="2" fillId="0" borderId="1" xfId="0" applyNumberFormat="1" applyFont="1" applyFill="1" applyBorder="1" applyAlignment="1" applyProtection="1">
      <alignment horizontal="center" vertical="center" shrinkToFit="1"/>
      <protection locked="0"/>
    </xf>
    <xf numFmtId="49" fontId="2" fillId="0" borderId="1" xfId="0" applyNumberFormat="1" applyFont="1" applyFill="1" applyBorder="1" applyAlignment="1" applyProtection="1">
      <alignment vertical="center" wrapText="1"/>
      <protection locked="0"/>
    </xf>
    <xf numFmtId="49" fontId="2" fillId="0" borderId="1" xfId="0" applyNumberFormat="1" applyFont="1" applyFill="1" applyBorder="1" applyAlignment="1" applyProtection="1">
      <alignment horizontal="center" vertical="center" shrinkToFit="1"/>
      <protection locked="0"/>
    </xf>
    <xf numFmtId="177" fontId="2" fillId="0" borderId="1" xfId="0" applyNumberFormat="1" applyFont="1" applyFill="1" applyBorder="1" applyAlignment="1" applyProtection="1">
      <alignment vertical="center" shrinkToFit="1"/>
      <protection locked="0"/>
    </xf>
    <xf numFmtId="14" fontId="2" fillId="0" borderId="1" xfId="0" applyNumberFormat="1" applyFont="1" applyFill="1" applyBorder="1" applyAlignment="1" applyProtection="1">
      <alignment horizontal="center" vertical="center" shrinkToFit="1"/>
      <protection locked="0"/>
    </xf>
  </cellXfs>
  <cellStyles count="2">
    <cellStyle name="標準" xfId="0" builtinId="0"/>
    <cellStyle name="標準 2" xfId="1"/>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I27"/>
  <sheetViews>
    <sheetView tabSelected="1" zoomScaleNormal="100" workbookViewId="0">
      <pane ySplit="1" topLeftCell="A2" activePane="bottomLeft" state="frozen"/>
      <selection pane="bottomLeft" activeCell="A2" sqref="A2"/>
    </sheetView>
  </sheetViews>
  <sheetFormatPr defaultColWidth="8.25" defaultRowHeight="12" x14ac:dyDescent="0.2"/>
  <cols>
    <col min="1" max="1" width="9.58203125" style="3" customWidth="1"/>
    <col min="2" max="3" width="14.1640625" style="3" customWidth="1"/>
    <col min="4" max="4" width="8.58203125" style="3" customWidth="1"/>
    <col min="5" max="5" width="38.58203125" style="3" customWidth="1"/>
    <col min="6" max="6" width="16.5" style="3" bestFit="1" customWidth="1"/>
    <col min="7" max="7" width="28.5" style="3" customWidth="1"/>
    <col min="8" max="8" width="10.25" style="3" customWidth="1"/>
    <col min="9" max="9" width="9.75" style="3" customWidth="1"/>
    <col min="10" max="16384" width="8.25" style="3"/>
  </cols>
  <sheetData>
    <row r="1" spans="1:9" ht="27.75" customHeight="1" x14ac:dyDescent="0.2">
      <c r="A1" s="1" t="s">
        <v>0</v>
      </c>
      <c r="B1" s="1" t="s">
        <v>98</v>
      </c>
      <c r="C1" s="1" t="s">
        <v>1</v>
      </c>
      <c r="D1" s="2" t="s">
        <v>2</v>
      </c>
      <c r="E1" s="1" t="s">
        <v>3</v>
      </c>
      <c r="F1" s="1" t="s">
        <v>4</v>
      </c>
      <c r="G1" s="2" t="s">
        <v>5</v>
      </c>
      <c r="H1" s="2" t="s">
        <v>6</v>
      </c>
      <c r="I1" s="1" t="s">
        <v>7</v>
      </c>
    </row>
    <row r="2" spans="1:9" ht="24" x14ac:dyDescent="0.2">
      <c r="A2" s="4">
        <v>43556</v>
      </c>
      <c r="B2" s="5" t="s">
        <v>8</v>
      </c>
      <c r="C2" s="5" t="s">
        <v>9</v>
      </c>
      <c r="D2" s="6" t="s">
        <v>10</v>
      </c>
      <c r="E2" s="5" t="s">
        <v>11</v>
      </c>
      <c r="F2" s="7">
        <v>75779</v>
      </c>
      <c r="G2" s="5" t="s">
        <v>12</v>
      </c>
      <c r="H2" s="6" t="s">
        <v>13</v>
      </c>
      <c r="I2" s="8">
        <v>43747</v>
      </c>
    </row>
    <row r="3" spans="1:9" ht="24" x14ac:dyDescent="0.2">
      <c r="A3" s="4">
        <v>43556</v>
      </c>
      <c r="B3" s="5" t="s">
        <v>8</v>
      </c>
      <c r="C3" s="5" t="s">
        <v>9</v>
      </c>
      <c r="D3" s="6" t="s">
        <v>14</v>
      </c>
      <c r="E3" s="5" t="s">
        <v>15</v>
      </c>
      <c r="F3" s="7">
        <v>97666</v>
      </c>
      <c r="G3" s="5" t="s">
        <v>12</v>
      </c>
      <c r="H3" s="6" t="s">
        <v>13</v>
      </c>
      <c r="I3" s="8">
        <v>43789</v>
      </c>
    </row>
    <row r="4" spans="1:9" ht="24" x14ac:dyDescent="0.2">
      <c r="A4" s="4">
        <v>43556</v>
      </c>
      <c r="B4" s="5" t="s">
        <v>8</v>
      </c>
      <c r="C4" s="5" t="s">
        <v>9</v>
      </c>
      <c r="D4" s="6" t="s">
        <v>16</v>
      </c>
      <c r="E4" s="5" t="s">
        <v>17</v>
      </c>
      <c r="F4" s="7">
        <v>102273</v>
      </c>
      <c r="G4" s="5" t="s">
        <v>12</v>
      </c>
      <c r="H4" s="6" t="s">
        <v>13</v>
      </c>
      <c r="I4" s="8">
        <v>43809</v>
      </c>
    </row>
    <row r="5" spans="1:9" ht="36" x14ac:dyDescent="0.2">
      <c r="A5" s="4">
        <v>43556</v>
      </c>
      <c r="B5" s="5" t="s">
        <v>8</v>
      </c>
      <c r="C5" s="5" t="s">
        <v>18</v>
      </c>
      <c r="D5" s="6" t="s">
        <v>19</v>
      </c>
      <c r="E5" s="5" t="s">
        <v>20</v>
      </c>
      <c r="F5" s="7">
        <v>15400</v>
      </c>
      <c r="G5" s="5" t="s">
        <v>21</v>
      </c>
      <c r="H5" s="6" t="s">
        <v>22</v>
      </c>
      <c r="I5" s="8">
        <v>43739</v>
      </c>
    </row>
    <row r="6" spans="1:9" ht="24" x14ac:dyDescent="0.2">
      <c r="A6" s="4">
        <v>43556</v>
      </c>
      <c r="B6" s="5" t="s">
        <v>8</v>
      </c>
      <c r="C6" s="5" t="s">
        <v>18</v>
      </c>
      <c r="D6" s="6" t="s">
        <v>23</v>
      </c>
      <c r="E6" s="5" t="s">
        <v>24</v>
      </c>
      <c r="F6" s="7">
        <v>6303</v>
      </c>
      <c r="G6" s="5" t="s">
        <v>25</v>
      </c>
      <c r="H6" s="6" t="s">
        <v>26</v>
      </c>
      <c r="I6" s="8">
        <v>43740</v>
      </c>
    </row>
    <row r="7" spans="1:9" ht="24" x14ac:dyDescent="0.2">
      <c r="A7" s="4">
        <v>43556</v>
      </c>
      <c r="B7" s="5" t="s">
        <v>8</v>
      </c>
      <c r="C7" s="5" t="s">
        <v>18</v>
      </c>
      <c r="D7" s="6" t="s">
        <v>27</v>
      </c>
      <c r="E7" s="5" t="s">
        <v>28</v>
      </c>
      <c r="F7" s="7">
        <v>25960</v>
      </c>
      <c r="G7" s="5" t="s">
        <v>29</v>
      </c>
      <c r="H7" s="6" t="s">
        <v>30</v>
      </c>
      <c r="I7" s="8">
        <v>43741</v>
      </c>
    </row>
    <row r="8" spans="1:9" ht="24" x14ac:dyDescent="0.2">
      <c r="A8" s="4">
        <v>43556</v>
      </c>
      <c r="B8" s="5" t="s">
        <v>8</v>
      </c>
      <c r="C8" s="5" t="s">
        <v>18</v>
      </c>
      <c r="D8" s="6" t="s">
        <v>31</v>
      </c>
      <c r="E8" s="5" t="s">
        <v>32</v>
      </c>
      <c r="F8" s="7">
        <v>8580</v>
      </c>
      <c r="G8" s="5" t="s">
        <v>33</v>
      </c>
      <c r="H8" s="6" t="s">
        <v>34</v>
      </c>
      <c r="I8" s="8">
        <v>43747</v>
      </c>
    </row>
    <row r="9" spans="1:9" ht="24" x14ac:dyDescent="0.2">
      <c r="A9" s="4">
        <v>43556</v>
      </c>
      <c r="B9" s="5" t="s">
        <v>8</v>
      </c>
      <c r="C9" s="5" t="s">
        <v>18</v>
      </c>
      <c r="D9" s="6" t="s">
        <v>35</v>
      </c>
      <c r="E9" s="5" t="s">
        <v>36</v>
      </c>
      <c r="F9" s="7">
        <v>17179</v>
      </c>
      <c r="G9" s="5" t="s">
        <v>37</v>
      </c>
      <c r="H9" s="6" t="s">
        <v>38</v>
      </c>
      <c r="I9" s="8">
        <v>43747</v>
      </c>
    </row>
    <row r="10" spans="1:9" ht="24" x14ac:dyDescent="0.2">
      <c r="A10" s="4">
        <v>43556</v>
      </c>
      <c r="B10" s="5" t="s">
        <v>8</v>
      </c>
      <c r="C10" s="5" t="s">
        <v>18</v>
      </c>
      <c r="D10" s="6" t="s">
        <v>39</v>
      </c>
      <c r="E10" s="5" t="s">
        <v>40</v>
      </c>
      <c r="F10" s="7">
        <v>8250</v>
      </c>
      <c r="G10" s="5" t="s">
        <v>41</v>
      </c>
      <c r="H10" s="6" t="s">
        <v>42</v>
      </c>
      <c r="I10" s="8">
        <v>43767</v>
      </c>
    </row>
    <row r="11" spans="1:9" ht="24" x14ac:dyDescent="0.2">
      <c r="A11" s="4">
        <v>43556</v>
      </c>
      <c r="B11" s="5" t="s">
        <v>8</v>
      </c>
      <c r="C11" s="5" t="s">
        <v>18</v>
      </c>
      <c r="D11" s="6" t="s">
        <v>43</v>
      </c>
      <c r="E11" s="5" t="s">
        <v>44</v>
      </c>
      <c r="F11" s="7">
        <v>13596</v>
      </c>
      <c r="G11" s="5" t="s">
        <v>33</v>
      </c>
      <c r="H11" s="6" t="s">
        <v>34</v>
      </c>
      <c r="I11" s="8">
        <v>43777</v>
      </c>
    </row>
    <row r="12" spans="1:9" ht="24" x14ac:dyDescent="0.2">
      <c r="A12" s="4">
        <v>43556</v>
      </c>
      <c r="B12" s="5" t="s">
        <v>8</v>
      </c>
      <c r="C12" s="5" t="s">
        <v>18</v>
      </c>
      <c r="D12" s="6" t="s">
        <v>45</v>
      </c>
      <c r="E12" s="5" t="s">
        <v>46</v>
      </c>
      <c r="F12" s="7">
        <v>921734</v>
      </c>
      <c r="G12" s="5" t="s">
        <v>47</v>
      </c>
      <c r="H12" s="6" t="s">
        <v>48</v>
      </c>
      <c r="I12" s="8">
        <v>43784</v>
      </c>
    </row>
    <row r="13" spans="1:9" ht="24" x14ac:dyDescent="0.2">
      <c r="A13" s="4">
        <v>43556</v>
      </c>
      <c r="B13" s="5" t="s">
        <v>8</v>
      </c>
      <c r="C13" s="5" t="s">
        <v>18</v>
      </c>
      <c r="D13" s="6" t="s">
        <v>49</v>
      </c>
      <c r="E13" s="5" t="s">
        <v>50</v>
      </c>
      <c r="F13" s="7">
        <v>48242</v>
      </c>
      <c r="G13" s="5" t="s">
        <v>37</v>
      </c>
      <c r="H13" s="6" t="s">
        <v>38</v>
      </c>
      <c r="I13" s="8">
        <v>43794</v>
      </c>
    </row>
    <row r="14" spans="1:9" ht="36" x14ac:dyDescent="0.2">
      <c r="A14" s="4">
        <v>43556</v>
      </c>
      <c r="B14" s="5" t="s">
        <v>8</v>
      </c>
      <c r="C14" s="5" t="s">
        <v>18</v>
      </c>
      <c r="D14" s="6" t="s">
        <v>51</v>
      </c>
      <c r="E14" s="5" t="s">
        <v>52</v>
      </c>
      <c r="F14" s="7">
        <v>26620</v>
      </c>
      <c r="G14" s="5" t="s">
        <v>53</v>
      </c>
      <c r="H14" s="6" t="s">
        <v>54</v>
      </c>
      <c r="I14" s="8">
        <v>43805</v>
      </c>
    </row>
    <row r="15" spans="1:9" ht="24" x14ac:dyDescent="0.2">
      <c r="A15" s="4">
        <v>43556</v>
      </c>
      <c r="B15" s="5" t="s">
        <v>8</v>
      </c>
      <c r="C15" s="5" t="s">
        <v>18</v>
      </c>
      <c r="D15" s="6" t="s">
        <v>55</v>
      </c>
      <c r="E15" s="5" t="s">
        <v>56</v>
      </c>
      <c r="F15" s="7">
        <v>46200</v>
      </c>
      <c r="G15" s="5" t="s">
        <v>37</v>
      </c>
      <c r="H15" s="6" t="s">
        <v>38</v>
      </c>
      <c r="I15" s="8">
        <v>43818</v>
      </c>
    </row>
    <row r="16" spans="1:9" ht="24" x14ac:dyDescent="0.2">
      <c r="A16" s="4">
        <v>43556</v>
      </c>
      <c r="B16" s="5" t="s">
        <v>8</v>
      </c>
      <c r="C16" s="5" t="s">
        <v>18</v>
      </c>
      <c r="D16" s="6" t="s">
        <v>57</v>
      </c>
      <c r="E16" s="5" t="s">
        <v>58</v>
      </c>
      <c r="F16" s="7">
        <v>48400</v>
      </c>
      <c r="G16" s="5" t="s">
        <v>59</v>
      </c>
      <c r="H16" s="6" t="s">
        <v>60</v>
      </c>
      <c r="I16" s="8">
        <v>43824</v>
      </c>
    </row>
    <row r="17" spans="1:9" ht="36" x14ac:dyDescent="0.2">
      <c r="A17" s="4">
        <v>43556</v>
      </c>
      <c r="B17" s="5" t="s">
        <v>8</v>
      </c>
      <c r="C17" s="5" t="s">
        <v>18</v>
      </c>
      <c r="D17" s="6" t="s">
        <v>61</v>
      </c>
      <c r="E17" s="5" t="s">
        <v>62</v>
      </c>
      <c r="F17" s="7">
        <v>16500</v>
      </c>
      <c r="G17" s="5" t="s">
        <v>63</v>
      </c>
      <c r="H17" s="6" t="s">
        <v>64</v>
      </c>
      <c r="I17" s="8">
        <v>43825</v>
      </c>
    </row>
    <row r="18" spans="1:9" ht="24" x14ac:dyDescent="0.2">
      <c r="A18" s="4">
        <v>43556</v>
      </c>
      <c r="B18" s="5" t="s">
        <v>8</v>
      </c>
      <c r="C18" s="5" t="s">
        <v>65</v>
      </c>
      <c r="D18" s="6" t="s">
        <v>66</v>
      </c>
      <c r="E18" s="5" t="s">
        <v>67</v>
      </c>
      <c r="F18" s="7">
        <v>60555</v>
      </c>
      <c r="G18" s="5" t="s">
        <v>68</v>
      </c>
      <c r="H18" s="6" t="s">
        <v>69</v>
      </c>
      <c r="I18" s="8">
        <v>43768</v>
      </c>
    </row>
    <row r="19" spans="1:9" ht="24" x14ac:dyDescent="0.2">
      <c r="A19" s="4">
        <v>43556</v>
      </c>
      <c r="B19" s="5" t="s">
        <v>8</v>
      </c>
      <c r="C19" s="5" t="s">
        <v>65</v>
      </c>
      <c r="D19" s="6" t="s">
        <v>70</v>
      </c>
      <c r="E19" s="5" t="s">
        <v>71</v>
      </c>
      <c r="F19" s="7">
        <v>22623</v>
      </c>
      <c r="G19" s="5" t="s">
        <v>72</v>
      </c>
      <c r="H19" s="6" t="s">
        <v>73</v>
      </c>
      <c r="I19" s="8">
        <v>43783</v>
      </c>
    </row>
    <row r="20" spans="1:9" ht="24" x14ac:dyDescent="0.2">
      <c r="A20" s="4">
        <v>43556</v>
      </c>
      <c r="B20" s="5" t="s">
        <v>8</v>
      </c>
      <c r="C20" s="5" t="s">
        <v>65</v>
      </c>
      <c r="D20" s="6" t="s">
        <v>74</v>
      </c>
      <c r="E20" s="5" t="s">
        <v>75</v>
      </c>
      <c r="F20" s="7">
        <v>49060</v>
      </c>
      <c r="G20" s="5" t="s">
        <v>76</v>
      </c>
      <c r="H20" s="6" t="s">
        <v>77</v>
      </c>
      <c r="I20" s="8">
        <v>43803</v>
      </c>
    </row>
    <row r="21" spans="1:9" ht="24" x14ac:dyDescent="0.2">
      <c r="A21" s="4">
        <v>43556</v>
      </c>
      <c r="B21" s="5" t="s">
        <v>8</v>
      </c>
      <c r="C21" s="5" t="s">
        <v>65</v>
      </c>
      <c r="D21" s="6" t="s">
        <v>78</v>
      </c>
      <c r="E21" s="5" t="s">
        <v>79</v>
      </c>
      <c r="F21" s="7">
        <v>47520</v>
      </c>
      <c r="G21" s="5" t="s">
        <v>68</v>
      </c>
      <c r="H21" s="6" t="s">
        <v>69</v>
      </c>
      <c r="I21" s="8">
        <v>43809</v>
      </c>
    </row>
    <row r="22" spans="1:9" ht="24" x14ac:dyDescent="0.2">
      <c r="A22" s="4">
        <v>43556</v>
      </c>
      <c r="B22" s="5" t="s">
        <v>8</v>
      </c>
      <c r="C22" s="5" t="s">
        <v>65</v>
      </c>
      <c r="D22" s="6" t="s">
        <v>80</v>
      </c>
      <c r="E22" s="5" t="s">
        <v>81</v>
      </c>
      <c r="F22" s="7">
        <v>18326</v>
      </c>
      <c r="G22" s="5" t="s">
        <v>82</v>
      </c>
      <c r="H22" s="6" t="s">
        <v>83</v>
      </c>
      <c r="I22" s="8">
        <v>43819</v>
      </c>
    </row>
    <row r="23" spans="1:9" ht="24" x14ac:dyDescent="0.2">
      <c r="A23" s="4">
        <v>43556</v>
      </c>
      <c r="B23" s="5" t="s">
        <v>8</v>
      </c>
      <c r="C23" s="5" t="s">
        <v>84</v>
      </c>
      <c r="D23" s="6" t="s">
        <v>85</v>
      </c>
      <c r="E23" s="5" t="s">
        <v>86</v>
      </c>
      <c r="F23" s="7">
        <v>41019</v>
      </c>
      <c r="G23" s="5" t="s">
        <v>82</v>
      </c>
      <c r="H23" s="6" t="s">
        <v>83</v>
      </c>
      <c r="I23" s="8">
        <v>43766</v>
      </c>
    </row>
    <row r="24" spans="1:9" ht="24" x14ac:dyDescent="0.2">
      <c r="A24" s="4">
        <v>43556</v>
      </c>
      <c r="B24" s="5" t="s">
        <v>8</v>
      </c>
      <c r="C24" s="5" t="s">
        <v>84</v>
      </c>
      <c r="D24" s="6" t="s">
        <v>87</v>
      </c>
      <c r="E24" s="5" t="s">
        <v>88</v>
      </c>
      <c r="F24" s="7">
        <v>16390</v>
      </c>
      <c r="G24" s="5" t="s">
        <v>29</v>
      </c>
      <c r="H24" s="6" t="s">
        <v>30</v>
      </c>
      <c r="I24" s="8">
        <v>43775</v>
      </c>
    </row>
    <row r="25" spans="1:9" ht="24" x14ac:dyDescent="0.2">
      <c r="A25" s="4">
        <v>43556</v>
      </c>
      <c r="B25" s="5" t="s">
        <v>8</v>
      </c>
      <c r="C25" s="5" t="s">
        <v>84</v>
      </c>
      <c r="D25" s="6" t="s">
        <v>89</v>
      </c>
      <c r="E25" s="5" t="s">
        <v>90</v>
      </c>
      <c r="F25" s="7">
        <v>47190</v>
      </c>
      <c r="G25" s="5" t="s">
        <v>72</v>
      </c>
      <c r="H25" s="6" t="s">
        <v>73</v>
      </c>
      <c r="I25" s="8">
        <v>43796</v>
      </c>
    </row>
    <row r="26" spans="1:9" ht="24" x14ac:dyDescent="0.2">
      <c r="A26" s="4">
        <v>43556</v>
      </c>
      <c r="B26" s="5" t="s">
        <v>8</v>
      </c>
      <c r="C26" s="5" t="s">
        <v>84</v>
      </c>
      <c r="D26" s="6" t="s">
        <v>91</v>
      </c>
      <c r="E26" s="5" t="s">
        <v>92</v>
      </c>
      <c r="F26" s="7">
        <v>33462</v>
      </c>
      <c r="G26" s="5" t="s">
        <v>93</v>
      </c>
      <c r="H26" s="6" t="s">
        <v>94</v>
      </c>
      <c r="I26" s="8">
        <v>43809</v>
      </c>
    </row>
    <row r="27" spans="1:9" ht="24" x14ac:dyDescent="0.2">
      <c r="A27" s="4">
        <v>43556</v>
      </c>
      <c r="B27" s="5" t="s">
        <v>8</v>
      </c>
      <c r="C27" s="5" t="s">
        <v>84</v>
      </c>
      <c r="D27" s="6" t="s">
        <v>95</v>
      </c>
      <c r="E27" s="5" t="s">
        <v>96</v>
      </c>
      <c r="F27" s="7">
        <v>4000</v>
      </c>
      <c r="G27" s="5" t="s">
        <v>99</v>
      </c>
      <c r="H27" s="6" t="s">
        <v>97</v>
      </c>
      <c r="I27" s="8">
        <v>43811</v>
      </c>
    </row>
  </sheetData>
  <phoneticPr fontId="3"/>
  <pageMargins left="0.70866141732283472" right="0.70866141732283472" top="0.74803149606299213" bottom="0.74803149606299213" header="0.31496062992125984" footer="0.31496062992125984"/>
  <pageSetup paperSize="9" scale="82" fitToHeight="0" orientation="landscape" r:id="rId1"/>
  <headerFooter>
    <oddFooter>&amp;P / &amp;N ページ</oddFooter>
  </headerFooter>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2</vt:i4>
      </vt:variant>
    </vt:vector>
  </HeadingPairs>
  <TitlesOfParts>
    <vt:vector size="3" baseType="lpstr">
      <vt:lpstr>公表用</vt:lpstr>
      <vt:lpstr>公表用!Print_Area</vt:lpstr>
      <vt:lpstr>公表用!Print_Titles</vt:lpstr>
    </vt:vector>
  </TitlesOfParts>
  <Company/>
  <LinksUpToDate>false</LinksUpToDate>
  <SharedDoc>false</SharedDoc>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user</dc:creator>
  <cp:lastModifiedBy>user</cp:lastModifiedBy>
  <cp:lastPrinted>2020-03-03T09:23:17Z</cp:lastPrinted>
  <dcterms:created xsi:type="dcterms:W3CDTF">2020-03-03T09:20:54Z</dcterms:created>
  <dcterms:modified xsi:type="dcterms:W3CDTF">2020-03-26T05:20:11Z</dcterms:modified>
</cp:coreProperties>
</file>